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4A072F" w:rsidRDefault="006959AA" w:rsidP="006959AA">
      <w:pPr>
        <w:pStyle w:val="ZDateAM"/>
      </w:pPr>
      <w:bookmarkStart w:id="0" w:name="_GoBack"/>
      <w:bookmarkEnd w:id="0"/>
      <w:r w:rsidRPr="004A072F">
        <w:rPr>
          <w:rStyle w:val="HideTWBExt"/>
          <w:noProof w:val="0"/>
        </w:rPr>
        <w:t>&lt;RepeatBlock-Amend&gt;</w:t>
      </w:r>
      <w:bookmarkStart w:id="1" w:name="restart"/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7</w:t>
      </w:r>
      <w:r w:rsidRPr="004A072F">
        <w:rPr>
          <w:rStyle w:val="HideTWBExt"/>
          <w:noProof w:val="0"/>
        </w:rPr>
        <w:t>&lt;/NumAm&gt;</w:t>
      </w:r>
    </w:p>
    <w:p w:rsidR="00016E4D" w:rsidRPr="004A072F" w:rsidRDefault="00213E64" w:rsidP="00016E4D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7</w:t>
      </w:r>
      <w:r w:rsidRPr="004A072F">
        <w:rPr>
          <w:rStyle w:val="HideTWBExt"/>
          <w:b w:val="0"/>
          <w:noProof w:val="0"/>
        </w:rPr>
        <w:t>&lt;/NumAm&gt;</w:t>
      </w:r>
    </w:p>
    <w:p w:rsidR="006959AA" w:rsidRPr="004A072F" w:rsidRDefault="006959AA" w:rsidP="006959AA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</w:t>
      </w:r>
      <w:r w:rsidRPr="004A072F">
        <w:rPr>
          <w:rStyle w:val="HideTWBExt"/>
          <w:b w:val="0"/>
          <w:noProof w:val="0"/>
        </w:rPr>
        <w:t>&lt;/Members&gt;</w:t>
      </w:r>
    </w:p>
    <w:p w:rsidR="006959AA" w:rsidRPr="004A072F" w:rsidRDefault="006959AA" w:rsidP="006959AA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6959AA" w:rsidRPr="004A072F" w:rsidRDefault="006959AA" w:rsidP="006959AA">
      <w:r w:rsidRPr="004A072F">
        <w:rPr>
          <w:rStyle w:val="HideTWBExt"/>
          <w:noProof w:val="0"/>
        </w:rPr>
        <w:t>&lt;/RepeatBlock-By&gt;</w:t>
      </w:r>
    </w:p>
    <w:p w:rsidR="006959AA" w:rsidRPr="004A072F" w:rsidRDefault="006959AA" w:rsidP="006959AA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6959AA" w:rsidRPr="004A072F" w:rsidRDefault="006959AA" w:rsidP="006959AA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6959AA" w:rsidRPr="004A072F" w:rsidRDefault="006959AA" w:rsidP="006959AA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6959AA" w:rsidRPr="004A072F" w:rsidRDefault="006959AA" w:rsidP="006959AA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6959AA" w:rsidRPr="004A072F" w:rsidRDefault="006959AA" w:rsidP="006959AA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6959AA" w:rsidRPr="004A072F" w:rsidRDefault="006959AA" w:rsidP="006959AA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Referirea 5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A072F" w:rsidTr="006959AA">
        <w:trPr>
          <w:jc w:val="center"/>
        </w:trPr>
        <w:tc>
          <w:tcPr>
            <w:tcW w:w="9752" w:type="dxa"/>
            <w:gridSpan w:val="2"/>
          </w:tcPr>
          <w:p w:rsidR="006959AA" w:rsidRPr="004A072F" w:rsidRDefault="006959AA" w:rsidP="00EE4A94">
            <w:pPr>
              <w:keepNext/>
            </w:pPr>
          </w:p>
        </w:tc>
      </w:tr>
      <w:tr w:rsidR="006959AA" w:rsidRPr="004A072F" w:rsidTr="006959AA">
        <w:trPr>
          <w:jc w:val="center"/>
        </w:trPr>
        <w:tc>
          <w:tcPr>
            <w:tcW w:w="4876" w:type="dxa"/>
          </w:tcPr>
          <w:p w:rsidR="006959AA" w:rsidRPr="004A072F" w:rsidRDefault="00AD262F" w:rsidP="00EE4A94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6959AA" w:rsidRPr="004A072F" w:rsidRDefault="00213E64" w:rsidP="00EE4A94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6959AA" w:rsidRPr="004A072F" w:rsidTr="006959AA">
        <w:trPr>
          <w:jc w:val="center"/>
        </w:trPr>
        <w:tc>
          <w:tcPr>
            <w:tcW w:w="4876" w:type="dxa"/>
          </w:tcPr>
          <w:p w:rsidR="006959AA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—</w:t>
            </w:r>
            <w:r w:rsidRPr="004A072F">
              <w:rPr>
                <w:noProof w:val="0"/>
              </w:rPr>
              <w:tab/>
              <w:t>având în vedere declar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 de asigurare</w:t>
            </w:r>
            <w:r w:rsidRPr="004A072F">
              <w:rPr>
                <w:noProof w:val="0"/>
                <w:vertAlign w:val="superscript"/>
              </w:rPr>
              <w:t>4</w:t>
            </w:r>
            <w:r w:rsidRPr="004A072F">
              <w:rPr>
                <w:noProof w:val="0"/>
              </w:rPr>
              <w:t xml:space="preserve"> privind fiabilitatea conturilor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i legalitate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regularitatea oper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nilor subiacente întocmită de Curtea de Conturi pentru exerc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l 2016 în temeiul articolului 287 din Tratatul privind fun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narea Uniunii Europene</w:t>
            </w:r>
            <w:r w:rsidRPr="004A072F">
              <w:rPr>
                <w:b/>
                <w:i/>
                <w:noProof w:val="0"/>
              </w:rPr>
              <w:t>,</w:t>
            </w:r>
          </w:p>
        </w:tc>
        <w:tc>
          <w:tcPr>
            <w:tcW w:w="4876" w:type="dxa"/>
          </w:tcPr>
          <w:p w:rsidR="006959AA" w:rsidRPr="004A072F" w:rsidRDefault="00AD262F" w:rsidP="00BE2400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—</w:t>
            </w:r>
            <w:r w:rsidRPr="004A072F">
              <w:rPr>
                <w:noProof w:val="0"/>
              </w:rPr>
              <w:tab/>
              <w:t>având în vedere declar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 de asigurare</w:t>
            </w:r>
            <w:r w:rsidRPr="004A072F">
              <w:rPr>
                <w:noProof w:val="0"/>
                <w:vertAlign w:val="superscript"/>
              </w:rPr>
              <w:t>4</w:t>
            </w:r>
            <w:r w:rsidRPr="004A072F">
              <w:rPr>
                <w:noProof w:val="0"/>
              </w:rPr>
              <w:t xml:space="preserve"> privind fiabilitatea conturilor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i legalitate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regularitatea oper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nilor subiacente întocmită de Curtea de Conturi pentru exerc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l 2016 în temeiul articolului 287 din Tratatul privind fun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narea Uniunii Europene</w:t>
            </w:r>
            <w:r w:rsidRPr="004A072F">
              <w:rPr>
                <w:b/>
                <w:i/>
                <w:noProof w:val="0"/>
              </w:rPr>
              <w:t xml:space="preserve">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i confuzia permanentă creată de practica de a publica două declara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ii de asigurare pentru acela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i set de conturi;</w:t>
            </w:r>
          </w:p>
        </w:tc>
      </w:tr>
      <w:tr w:rsidR="00AD262F" w:rsidRPr="004A072F" w:rsidTr="006959AA">
        <w:trPr>
          <w:jc w:val="center"/>
        </w:trPr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__________________</w:t>
            </w:r>
          </w:p>
        </w:tc>
      </w:tr>
      <w:tr w:rsidR="00AD262F" w:rsidRPr="004A072F" w:rsidTr="006959AA">
        <w:trPr>
          <w:jc w:val="center"/>
        </w:trPr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  <w:vertAlign w:val="superscript"/>
              </w:rPr>
              <w:t>4</w:t>
            </w:r>
            <w:r w:rsidRPr="004A072F">
              <w:rPr>
                <w:noProof w:val="0"/>
              </w:rPr>
              <w:t xml:space="preserve"> JO C 322, 28.9.2017, p. 10.</w:t>
            </w:r>
          </w:p>
        </w:tc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  <w:vertAlign w:val="superscript"/>
              </w:rPr>
              <w:t>4</w:t>
            </w:r>
            <w:r w:rsidRPr="004A072F">
              <w:rPr>
                <w:noProof w:val="0"/>
              </w:rPr>
              <w:t xml:space="preserve"> JO C 322, 28.9.2017, p. 10.</w:t>
            </w:r>
          </w:p>
        </w:tc>
      </w:tr>
    </w:tbl>
    <w:p w:rsidR="00926656" w:rsidRPr="004A072F" w:rsidRDefault="006959AA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="00AD262F" w:rsidRPr="004A072F">
        <w:rPr>
          <w:rStyle w:val="HideTWBInt"/>
        </w:rPr>
        <w:t>{EN}</w:t>
      </w:r>
      <w:r w:rsidR="00AD262F" w:rsidRPr="004A072F">
        <w:t>en</w:t>
      </w:r>
      <w:r w:rsidRPr="004A072F">
        <w:rPr>
          <w:rStyle w:val="HideTWBExt"/>
          <w:noProof w:val="0"/>
        </w:rPr>
        <w:t>&lt;/Original&gt;</w:t>
      </w:r>
    </w:p>
    <w:p w:rsidR="006959AA" w:rsidRPr="004A072F" w:rsidRDefault="006959AA" w:rsidP="00926656">
      <w:pPr>
        <w:sectPr w:rsidR="006959AA" w:rsidRPr="004A072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4A072F" w:rsidRDefault="006959AA" w:rsidP="006959AA">
      <w:r w:rsidRPr="004A072F">
        <w:rPr>
          <w:rStyle w:val="HideTWBExt"/>
          <w:noProof w:val="0"/>
        </w:rPr>
        <w:lastRenderedPageBreak/>
        <w:t>&lt;/Amend&gt;</w:t>
      </w:r>
      <w:bookmarkEnd w:id="1"/>
    </w:p>
    <w:p w:rsidR="00AD262F" w:rsidRPr="004A072F" w:rsidRDefault="00AD262F" w:rsidP="006959AA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8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016E4D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8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6959AA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6959AA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6959AA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6959AA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6959AA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6959AA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6959AA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6959AA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6959AA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25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6959A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EE4A94">
            <w:pPr>
              <w:keepNext/>
            </w:pPr>
          </w:p>
        </w:tc>
      </w:tr>
      <w:tr w:rsidR="00AD262F" w:rsidRPr="004A072F" w:rsidTr="006959AA">
        <w:trPr>
          <w:jc w:val="center"/>
        </w:trPr>
        <w:tc>
          <w:tcPr>
            <w:tcW w:w="4876" w:type="dxa"/>
          </w:tcPr>
          <w:p w:rsidR="00AD262F" w:rsidRPr="004A072F" w:rsidRDefault="00AD262F" w:rsidP="00EE4A94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EE4A94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6959AA">
        <w:trPr>
          <w:jc w:val="center"/>
        </w:trPr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25.</w:t>
            </w:r>
            <w:r w:rsidRPr="004A072F">
              <w:rPr>
                <w:noProof w:val="0"/>
              </w:rPr>
              <w:tab/>
            </w:r>
            <w:r w:rsidRPr="004A072F">
              <w:rPr>
                <w:b/>
                <w:i/>
                <w:noProof w:val="0"/>
              </w:rPr>
              <w:t>subliniază</w:t>
            </w:r>
            <w:r w:rsidRPr="004A072F">
              <w:rPr>
                <w:noProof w:val="0"/>
              </w:rPr>
              <w:t xml:space="preserve"> constatările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privind lipsa unei separări organiz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onale eficiente între politica monetar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fun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le de supraveghere ale BCE, cât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a unor norme de guverna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clare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tricte, pentru prevenirea conflictelor de interese, ceea ce amplifică îngrijorările cu privire la conflictul de interese inerent dintre rolul BCE în m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nerea stabili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 financiare a zonei euro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upravegherea prud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lă a marilor instit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de credit europene;</w:t>
            </w:r>
          </w:p>
        </w:tc>
        <w:tc>
          <w:tcPr>
            <w:tcW w:w="4876" w:type="dxa"/>
          </w:tcPr>
          <w:p w:rsidR="00AD262F" w:rsidRPr="004A072F" w:rsidRDefault="00AD262F" w:rsidP="00BE2400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25.</w:t>
            </w:r>
            <w:r w:rsidRPr="004A072F">
              <w:rPr>
                <w:noProof w:val="0"/>
              </w:rPr>
              <w:tab/>
            </w:r>
            <w:r w:rsidRPr="004A072F">
              <w:rPr>
                <w:b/>
                <w:i/>
                <w:noProof w:val="0"/>
              </w:rPr>
              <w:t>observă cu îngrijorare</w:t>
            </w:r>
            <w:r w:rsidRPr="004A072F">
              <w:rPr>
                <w:noProof w:val="0"/>
              </w:rPr>
              <w:t xml:space="preserve"> constatările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privind lipsa unei separări organiz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onale eficiente între politica monetar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fun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le de supraveghere ale BCE, cât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a unor norme de guverna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clare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tricte, pentru prevenirea conflictelor de interese, ceea ce amplifică îngrijorările cu privire la conflictul de interese inerent dintre rolul BCE în m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nerea stabili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 financiare a zonei euro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upravegherea prud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lă a marilor instit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de credit europene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926656">
      <w:pPr>
        <w:sectPr w:rsidR="00AD262F" w:rsidRPr="004A072F" w:rsidSect="00C96A3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F9166E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9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9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28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28.</w:t>
            </w:r>
            <w:r w:rsidRPr="004A072F">
              <w:rPr>
                <w:noProof w:val="0"/>
              </w:rPr>
              <w:tab/>
              <w:t>consideră că este inacceptabil, din punctul de vedere al tragerii la răspundere, ca entitatea auditată, adică BCE, să decidă singură la ce documente pot avea acces auditorii externi</w:t>
            </w:r>
            <w:r w:rsidRPr="004A072F">
              <w:rPr>
                <w:noProof w:val="0"/>
                <w:vertAlign w:val="superscript"/>
              </w:rPr>
              <w:t>11</w:t>
            </w:r>
            <w:r w:rsidRPr="004A072F">
              <w:rPr>
                <w:noProof w:val="0"/>
              </w:rPr>
              <w:t>; invită, a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adar, BCE să coopereze pe deplin cu Curtea în calitate de auditor extern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ă furnizeze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acces total la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pentru a respecta normele m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nate mai sus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28.</w:t>
            </w:r>
            <w:r w:rsidRPr="004A072F">
              <w:rPr>
                <w:noProof w:val="0"/>
              </w:rPr>
              <w:tab/>
              <w:t xml:space="preserve">consideră că este </w:t>
            </w:r>
            <w:r w:rsidRPr="004A072F">
              <w:rPr>
                <w:b/>
                <w:i/>
                <w:noProof w:val="0"/>
              </w:rPr>
              <w:t xml:space="preserve">total </w:t>
            </w:r>
            <w:r w:rsidRPr="004A072F">
              <w:rPr>
                <w:noProof w:val="0"/>
              </w:rPr>
              <w:t>inacceptabil, din punctul de vedere al tragerii la răspundere, ca entitatea auditată, adică BCE, să decidă singură la ce documente pot avea acces auditorii externi</w:t>
            </w:r>
            <w:r w:rsidRPr="004A072F">
              <w:rPr>
                <w:noProof w:val="0"/>
                <w:vertAlign w:val="superscript"/>
              </w:rPr>
              <w:t>11</w:t>
            </w:r>
            <w:r w:rsidRPr="004A072F">
              <w:rPr>
                <w:noProof w:val="0"/>
              </w:rPr>
              <w:t>; invită, a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adar, BCE să coopereze pe deplin cu Curtea în calitate de auditor extern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ă furnizeze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acces total la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pentru a respecta normele m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nate mai sus;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__________________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  <w:vertAlign w:val="superscript"/>
              </w:rPr>
              <w:t>11</w:t>
            </w:r>
            <w:r w:rsidRPr="004A072F">
              <w:rPr>
                <w:noProof w:val="0"/>
              </w:rPr>
              <w:t xml:space="preserve"> Pentru detalii privind limitele legate de accesul la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a se vedea anexa II la raportul special.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  <w:vertAlign w:val="superscript"/>
              </w:rPr>
              <w:t>11</w:t>
            </w:r>
            <w:r w:rsidRPr="004A072F">
              <w:rPr>
                <w:noProof w:val="0"/>
              </w:rPr>
              <w:t xml:space="preserve"> Pentru detalii privind limitele legate de accesul la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a se vedea anexa II la raportul special.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0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0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68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68.</w:t>
            </w:r>
            <w:r w:rsidRPr="004A072F">
              <w:rPr>
                <w:noProof w:val="0"/>
              </w:rPr>
              <w:tab/>
              <w:t>salută angajamentele amb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ase ale Uniunii de a reduce emisiile sale cu cel p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n 20 % până în 2020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u 40 % până în 2030 f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de nivelurile din 1990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de a cheltui cel p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n 20 % din bugetul său pentru a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ni în domeniul climatic pentru perioada bugetară 2014-2020; salută faptul că, în general, s-au înregistrat progrese; regretă, totu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, că, potrivit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există un risc serios de a nu se reu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atingerea obiectivului de 20 %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68.</w:t>
            </w:r>
            <w:r w:rsidRPr="004A072F">
              <w:rPr>
                <w:noProof w:val="0"/>
              </w:rPr>
              <w:tab/>
              <w:t>salută angajamentele amb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oase ale Uniunii de a reduce emisiile sale cu cel p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n 20 % până în 2020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u 40 % până în 2030 f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de nivelurile din 1990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de a cheltui cel pu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n 20 % din bugetul său pentru ac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uni în domeniul climatic pentru perioada bugetară 2014-2020; salută faptul că, în general, s-au înregistrat progrese; regretă, totu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, că, potrivit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, există un risc serios de a nu se reu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i atingerea obiectivului de 20 %; </w:t>
            </w:r>
            <w:r w:rsidRPr="004A072F">
              <w:rPr>
                <w:b/>
                <w:i/>
                <w:noProof w:val="0"/>
              </w:rPr>
              <w:t xml:space="preserve">regretă, de asemenea, că prin urmărirea de acorduri comerciale majore, cum ar fi TTIP, CETA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Mercosur etc., care pun toate un accent puternic pe exporturi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importuri de alimente, impactul transportului maritim, aerian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i terestru suplimentar va fi de natură să mărească emisiile globale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1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1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69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69.</w:t>
            </w:r>
            <w:r w:rsidRPr="004A072F">
              <w:rPr>
                <w:noProof w:val="0"/>
              </w:rPr>
              <w:tab/>
              <w:t>consideră că</w:t>
            </w:r>
            <w:r w:rsidRPr="004A072F">
              <w:rPr>
                <w:b/>
                <w:i/>
                <w:noProof w:val="0"/>
              </w:rPr>
              <w:t>, în ceea ce prive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te Comisia,</w:t>
            </w:r>
            <w:r w:rsidRPr="004A072F">
              <w:rPr>
                <w:noProof w:val="0"/>
              </w:rPr>
              <w:t xml:space="preserve"> este deosebit de important</w:t>
            </w:r>
            <w:r w:rsidRPr="004A072F">
              <w:rPr>
                <w:b/>
                <w:i/>
                <w:noProof w:val="0"/>
              </w:rPr>
              <w:t xml:space="preserve"> ca aceasta</w:t>
            </w:r>
            <w:r w:rsidRPr="004A072F">
              <w:rPr>
                <w:noProof w:val="0"/>
              </w:rPr>
              <w:t xml:space="preserve"> să demonstreze în perman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că joacă un rol de lider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ă î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respectă angajamentul în ceea ce priv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te chestiunile legate de schimbările climatice, într-o măsură suficientă, prin punerea în aplicare eficace a Acordului de la Paris, precum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ă î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onsolideze credibilitatea intern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onal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instrumentele pentru definirea cond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lor politicii privind clim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ale diplo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ei ecologice promovate de Uniune în anii următori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69.</w:t>
            </w:r>
            <w:r w:rsidRPr="004A072F">
              <w:rPr>
                <w:noProof w:val="0"/>
              </w:rPr>
              <w:tab/>
              <w:t>consideră că</w:t>
            </w:r>
            <w:r w:rsidRPr="004A072F">
              <w:rPr>
                <w:b/>
                <w:i/>
                <w:noProof w:val="0"/>
              </w:rPr>
              <w:t xml:space="preserve"> pentru Comisie</w:t>
            </w:r>
            <w:r w:rsidRPr="004A072F">
              <w:rPr>
                <w:noProof w:val="0"/>
              </w:rPr>
              <w:t xml:space="preserve"> este deosebit de important să demonstreze în perman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ă că joacă un rol de lider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ă î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respectă angajamentul în ceea ce priv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te chestiunile legate de schimbările climatice, într-o măsură suficientă, prin punerea în aplicare eficace a Acordului de la Paris, precum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ă î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consolideze credibilitatea intern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onal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instrumentele pentru definirea condi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ilor politicii privind clim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ale diplo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ei ecologice promovate de Uniune în anii următori</w:t>
            </w:r>
            <w:r w:rsidRPr="004A072F">
              <w:rPr>
                <w:b/>
                <w:i/>
                <w:noProof w:val="0"/>
              </w:rPr>
              <w:t xml:space="preserve">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în acest context îi cere Comisiei să evalueze posibilul impact negativ al multor negocieri comerciale pe care le poartă asupra 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intelor Acordului de la Paris</w:t>
            </w:r>
            <w:r w:rsidRPr="004A072F">
              <w:rPr>
                <w:noProof w:val="0"/>
              </w:rPr>
              <w:t>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2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2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247 a (nou)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D262F" w:rsidRPr="004A072F" w:rsidRDefault="00AD262F" w:rsidP="00270EB3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b/>
                <w:i/>
                <w:noProof w:val="0"/>
              </w:rPr>
              <w:t>247a.</w:t>
            </w:r>
            <w:r w:rsidRPr="004A072F">
              <w:rPr>
                <w:b/>
                <w:i/>
                <w:noProof w:val="0"/>
              </w:rPr>
              <w:tab/>
              <w:t xml:space="preserve">în contextul Brexitului îi cere Comisiei să cuantifice – fie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prin estimări – pierderea posibilă pentru Uniune a zonelor de pescuit ale Regatului Unit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să cuantifice, totodată, – din nou, fie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prin estimări – pierderile posibile defalcate pe specii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i, în sfâr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>it, să evalueze impactul probabil asupra zonelor de pescuit rămase ale Uniunii, pe stat membru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3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3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Paloma López Bermejo, Sofia Sakorafa, Javier Couso Permuy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282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282.</w:t>
            </w:r>
            <w:r w:rsidRPr="004A072F">
              <w:rPr>
                <w:noProof w:val="0"/>
              </w:rPr>
              <w:tab/>
              <w:t>întrucât accesul la apă potabilă de bună calitate este una dintre cele mai elementare nevoi ale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enilor, subliniază că Comisia ar trebui să depună toate eforturile pentru a monitoriza mai bine situ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, în special în ceea ce priv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te zonele mici de aprovizionare cu apă care sunt cele mai apropiate de utilizatorii finali; reamint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te faptul că apa potabilă de calitate proastă poate duce la riscuri pentru sănătatea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enilor europeni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282.</w:t>
            </w:r>
            <w:r w:rsidRPr="004A072F">
              <w:rPr>
                <w:noProof w:val="0"/>
              </w:rPr>
              <w:tab/>
              <w:t xml:space="preserve">întrucât accesul </w:t>
            </w:r>
            <w:r w:rsidRPr="004A072F">
              <w:rPr>
                <w:b/>
                <w:i/>
                <w:noProof w:val="0"/>
              </w:rPr>
              <w:t xml:space="preserve">facil </w:t>
            </w:r>
            <w:r w:rsidRPr="004A072F">
              <w:rPr>
                <w:noProof w:val="0"/>
              </w:rPr>
              <w:t>la apă potabilă de bună calitate</w:t>
            </w:r>
            <w:r w:rsidRPr="004A072F">
              <w:rPr>
                <w:b/>
                <w:i/>
                <w:noProof w:val="0"/>
              </w:rPr>
              <w:t xml:space="preserve"> furnizată de entită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i publice</w:t>
            </w:r>
            <w:r w:rsidRPr="004A072F">
              <w:rPr>
                <w:noProof w:val="0"/>
              </w:rPr>
              <w:t xml:space="preserve"> este una dintre cele mai elementare nevoi ale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enilor, subliniază că Comisia ar trebui să depună toate eforturile pentru a monitoriza mai bine situ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, în special în ceea ce priv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te zonele mici de aprovizionare cu apă care sunt cele mai apropiate de utilizatorii finali; reaminte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te faptul că apa potabilă de calitate proastă poate duce la riscuri pentru sănătatea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enilor europeni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4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4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286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286.</w:t>
            </w:r>
            <w:r w:rsidRPr="004A072F">
              <w:rPr>
                <w:noProof w:val="0"/>
              </w:rPr>
              <w:tab/>
              <w:t>subliniază că este es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l ca politicile de tarifare a apei să promoveze efici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i să recupereze costurile de utilizare a apei; ia act de faptul că este responsabilitatea statelor membre să furnizeze apă potabilă de foarte bună calitate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la pre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uri accesibile pentru to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enii lor, dat fiind că apa este un bun comun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un drept al omului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286.</w:t>
            </w:r>
            <w:r w:rsidRPr="004A072F">
              <w:rPr>
                <w:noProof w:val="0"/>
              </w:rPr>
              <w:tab/>
              <w:t>subliniază că este es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al ca politicile de tarifare a apei să promoveze efici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a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să recupereze costurile de utilizare a apei</w:t>
            </w:r>
            <w:r w:rsidRPr="004A072F">
              <w:rPr>
                <w:b/>
                <w:i/>
                <w:noProof w:val="0"/>
              </w:rPr>
              <w:t>, inclusiv prin impozitare generală</w:t>
            </w:r>
            <w:r w:rsidRPr="004A072F">
              <w:rPr>
                <w:noProof w:val="0"/>
              </w:rPr>
              <w:t xml:space="preserve">; ia act de faptul că este responsabilitatea statelor membre să furnizeze apă potabilă de foarte bună calitate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la pre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uri accesibile pentru to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 cetă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enii lor, dat fiind că apa este un bun comun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un drept al omului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5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5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326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326.</w:t>
            </w:r>
            <w:r w:rsidRPr="004A072F">
              <w:rPr>
                <w:noProof w:val="0"/>
              </w:rPr>
              <w:tab/>
              <w:t xml:space="preserve">regretă faptul că Curtea a avut doar un mandat limitat în auditarea </w:t>
            </w:r>
            <w:r w:rsidRPr="004A072F">
              <w:rPr>
                <w:b/>
                <w:i/>
                <w:noProof w:val="0"/>
              </w:rPr>
              <w:t>asisten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ei</w:t>
            </w:r>
            <w:r w:rsidRPr="004A072F">
              <w:rPr>
                <w:noProof w:val="0"/>
              </w:rPr>
              <w:t xml:space="preserve"> financiare oferite de Uniune Greciei, care </w:t>
            </w:r>
            <w:r w:rsidRPr="004A072F">
              <w:rPr>
                <w:b/>
                <w:i/>
                <w:noProof w:val="0"/>
              </w:rPr>
              <w:t>a</w:t>
            </w:r>
            <w:r w:rsidRPr="004A072F">
              <w:rPr>
                <w:noProof w:val="0"/>
              </w:rPr>
              <w:t xml:space="preserve"> fost </w:t>
            </w:r>
            <w:r w:rsidRPr="004A072F">
              <w:rPr>
                <w:b/>
                <w:i/>
                <w:noProof w:val="0"/>
              </w:rPr>
              <w:t>gestionată</w:t>
            </w:r>
            <w:r w:rsidRPr="004A072F">
              <w:rPr>
                <w:noProof w:val="0"/>
              </w:rPr>
              <w:t xml:space="preserve"> de troica formată din Comisie, Banca Centrală European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 xml:space="preserve">i FMI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nu a primit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adecvate din partea BCE; în spiritul cooperării reciproce, încurajează BCE să furnizeze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care să-i permită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să aibă o imagine mai cuprinzătoare a utilizării fondurilor Uniunii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326.</w:t>
            </w:r>
            <w:r w:rsidRPr="004A072F">
              <w:rPr>
                <w:noProof w:val="0"/>
              </w:rPr>
              <w:tab/>
              <w:t xml:space="preserve">regretă faptul că Curtea a avut doar un mandat limitat în auditarea </w:t>
            </w:r>
            <w:r w:rsidRPr="004A072F">
              <w:rPr>
                <w:b/>
                <w:i/>
                <w:noProof w:val="0"/>
              </w:rPr>
              <w:t>împrumuturilor</w:t>
            </w:r>
            <w:r w:rsidRPr="004A072F">
              <w:rPr>
                <w:noProof w:val="0"/>
              </w:rPr>
              <w:t xml:space="preserve"> financiare oferite de Uniune Greciei, care </w:t>
            </w:r>
            <w:r w:rsidRPr="004A072F">
              <w:rPr>
                <w:b/>
                <w:i/>
                <w:noProof w:val="0"/>
              </w:rPr>
              <w:t>au</w:t>
            </w:r>
            <w:r w:rsidRPr="004A072F">
              <w:rPr>
                <w:noProof w:val="0"/>
              </w:rPr>
              <w:t xml:space="preserve"> fost </w:t>
            </w:r>
            <w:r w:rsidRPr="004A072F">
              <w:rPr>
                <w:b/>
                <w:i/>
                <w:noProof w:val="0"/>
              </w:rPr>
              <w:t>gestionate</w:t>
            </w:r>
            <w:r w:rsidRPr="004A072F">
              <w:rPr>
                <w:noProof w:val="0"/>
              </w:rPr>
              <w:t xml:space="preserve"> de troica formată din Comisie, Banca Centrală Europeană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FMI</w:t>
            </w:r>
            <w:r w:rsidRPr="004A072F">
              <w:rPr>
                <w:b/>
                <w:i/>
                <w:noProof w:val="0"/>
              </w:rPr>
              <w:t>,</w:t>
            </w:r>
            <w:r w:rsidRPr="004A072F">
              <w:rPr>
                <w:noProof w:val="0"/>
              </w:rPr>
              <w:t xml:space="preserve"> </w:t>
            </w:r>
            <w:r w:rsidR="00E37769">
              <w:rPr>
                <w:noProof w:val="0"/>
              </w:rPr>
              <w:t>ș</w:t>
            </w:r>
            <w:r w:rsidRPr="004A072F">
              <w:rPr>
                <w:noProof w:val="0"/>
              </w:rPr>
              <w:t>i nu a primit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adecvate din partea BCE; în spiritul cooperării reciproce, încurajează BCE să furnizeze inform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care să-i permită Cur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>ii să aibă o imagine mai cuprinzătoare a utilizării fondurilor Uniunii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pPr>
        <w:sectPr w:rsidR="00AD262F" w:rsidRPr="004A072F" w:rsidSect="00C96A31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4A072F" w:rsidRDefault="00AD262F" w:rsidP="00AD262F">
      <w:r w:rsidRPr="004A072F">
        <w:rPr>
          <w:rStyle w:val="HideTWBExt"/>
          <w:noProof w:val="0"/>
        </w:rPr>
        <w:lastRenderedPageBreak/>
        <w:t>&lt;/Amend&gt;</w:t>
      </w:r>
    </w:p>
    <w:p w:rsidR="00AD262F" w:rsidRPr="004A072F" w:rsidRDefault="00AD262F" w:rsidP="00AD262F">
      <w:pPr>
        <w:pStyle w:val="ZDateAM"/>
      </w:pPr>
      <w:r w:rsidRPr="004A072F">
        <w:rPr>
          <w:rStyle w:val="HideTWBExt"/>
          <w:noProof w:val="0"/>
        </w:rPr>
        <w:t>&lt;Amend&gt;&lt;Date&gt;</w:t>
      </w:r>
      <w:r w:rsidRPr="004A072F">
        <w:rPr>
          <w:rStyle w:val="HideTWBInt"/>
          <w:color w:val="auto"/>
        </w:rPr>
        <w:t>{11/04/2018}</w:t>
      </w:r>
      <w:r w:rsidRPr="004A072F">
        <w:t>11.4.2018</w:t>
      </w:r>
      <w:r w:rsidRPr="004A072F">
        <w:rPr>
          <w:rStyle w:val="HideTWBExt"/>
          <w:noProof w:val="0"/>
        </w:rPr>
        <w:t>&lt;/Date&gt;</w:t>
      </w:r>
      <w:r w:rsidRPr="004A072F">
        <w:tab/>
      </w:r>
      <w:r w:rsidRPr="004A072F">
        <w:rPr>
          <w:rStyle w:val="HideTWBExt"/>
          <w:noProof w:val="0"/>
        </w:rPr>
        <w:t>&lt;ANo&gt;</w:t>
      </w:r>
      <w:r w:rsidRPr="004A072F">
        <w:t>A8-0130</w:t>
      </w:r>
      <w:r w:rsidRPr="004A072F">
        <w:rPr>
          <w:rStyle w:val="HideTWBExt"/>
          <w:noProof w:val="0"/>
        </w:rPr>
        <w:t>&lt;/ANo&gt;</w:t>
      </w:r>
      <w:r w:rsidRPr="004A072F">
        <w:t>/</w:t>
      </w:r>
      <w:r w:rsidRPr="004A072F">
        <w:rPr>
          <w:rStyle w:val="HideTWBExt"/>
          <w:noProof w:val="0"/>
        </w:rPr>
        <w:t>&lt;NumAm&gt;</w:t>
      </w:r>
      <w:r w:rsidRPr="004A072F">
        <w:t>16</w:t>
      </w:r>
      <w:r w:rsidRPr="004A072F">
        <w:rPr>
          <w:rStyle w:val="HideTWBExt"/>
          <w:noProof w:val="0"/>
        </w:rPr>
        <w:t>&lt;/NumAm&gt;</w:t>
      </w:r>
    </w:p>
    <w:p w:rsidR="00AD262F" w:rsidRPr="004A072F" w:rsidRDefault="00AD262F" w:rsidP="00AD262F">
      <w:pPr>
        <w:pStyle w:val="AMNumberTabs"/>
      </w:pPr>
      <w:r w:rsidRPr="004A072F">
        <w:t>Amendamentul</w:t>
      </w:r>
      <w:r w:rsidRPr="004A072F">
        <w:tab/>
      </w:r>
      <w:r w:rsidRPr="004A072F">
        <w:tab/>
      </w:r>
      <w:r w:rsidRPr="004A072F">
        <w:rPr>
          <w:rStyle w:val="HideTWBExt"/>
          <w:b w:val="0"/>
          <w:noProof w:val="0"/>
        </w:rPr>
        <w:t>&lt;NumAm&gt;</w:t>
      </w:r>
      <w:r w:rsidRPr="004A072F">
        <w:t>16</w:t>
      </w:r>
      <w:r w:rsidRPr="004A072F">
        <w:rPr>
          <w:rStyle w:val="HideTWBExt"/>
          <w:b w:val="0"/>
          <w:noProof w:val="0"/>
        </w:rPr>
        <w:t>&lt;/NumAm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epeatBlock-By&gt;&lt;Members&gt;</w:t>
      </w:r>
      <w:r w:rsidRPr="004A072F">
        <w:t>Luke Ming Flanagan, Sofia Sakorafa</w:t>
      </w:r>
      <w:r w:rsidRPr="004A072F">
        <w:rPr>
          <w:rStyle w:val="HideTWBExt"/>
          <w:b w:val="0"/>
          <w:noProof w:val="0"/>
        </w:rPr>
        <w:t>&lt;/Members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AuNomDe&gt;</w:t>
      </w:r>
      <w:r w:rsidRPr="004A072F">
        <w:rPr>
          <w:rStyle w:val="HideTWBInt"/>
          <w:color w:val="auto"/>
        </w:rPr>
        <w:t>{GUE/NGL}</w:t>
      </w:r>
      <w:r w:rsidRPr="004A072F">
        <w:t>în numele Grupului GUE/NGL</w:t>
      </w:r>
      <w:r w:rsidRPr="004A072F">
        <w:rPr>
          <w:rStyle w:val="HideTWBExt"/>
          <w:noProof w:val="0"/>
        </w:rPr>
        <w:t>&lt;/AuNomDe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RepeatBlock-By&gt;</w:t>
      </w:r>
    </w:p>
    <w:p w:rsidR="00AD262F" w:rsidRPr="004A072F" w:rsidRDefault="00AD262F" w:rsidP="00AD262F">
      <w:pPr>
        <w:pStyle w:val="ProjRap"/>
      </w:pPr>
      <w:r w:rsidRPr="004A072F">
        <w:rPr>
          <w:rStyle w:val="HideTWBExt"/>
          <w:b w:val="0"/>
          <w:noProof w:val="0"/>
        </w:rPr>
        <w:t>&lt;TitreType&gt;</w:t>
      </w:r>
      <w:r w:rsidRPr="004A072F">
        <w:t>Raport</w:t>
      </w:r>
      <w:r w:rsidRPr="004A072F">
        <w:rPr>
          <w:rStyle w:val="HideTWBExt"/>
          <w:b w:val="0"/>
          <w:noProof w:val="0"/>
        </w:rPr>
        <w:t>&lt;/TitreType&gt;</w:t>
      </w:r>
      <w:r w:rsidRPr="004A072F">
        <w:tab/>
        <w:t>A8-0130/2018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Rapporteur&gt;</w:t>
      </w:r>
      <w:r w:rsidRPr="004A072F">
        <w:t>Joachim Zeller</w:t>
      </w:r>
      <w:r w:rsidRPr="004A072F">
        <w:rPr>
          <w:rStyle w:val="HideTWBExt"/>
          <w:b w:val="0"/>
          <w:noProof w:val="0"/>
        </w:rPr>
        <w:t>&lt;/Rapporteur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Titre&gt;</w:t>
      </w:r>
      <w:r w:rsidRPr="004A072F">
        <w:t>Descărcarea de gestiune 2016: Rapoartele speciale ale Cur</w:t>
      </w:r>
      <w:r w:rsidR="00E37769">
        <w:t>ț</w:t>
      </w:r>
      <w:r w:rsidRPr="004A072F">
        <w:t>ii de Conturi în contextul descărcării de gestiune a Comisiei pe 2016</w:t>
      </w:r>
      <w:r w:rsidRPr="004A072F">
        <w:rPr>
          <w:rStyle w:val="HideTWBExt"/>
          <w:noProof w:val="0"/>
        </w:rPr>
        <w:t>&lt;/Titre&gt;</w:t>
      </w:r>
    </w:p>
    <w:p w:rsidR="00AD262F" w:rsidRPr="004A072F" w:rsidRDefault="00AD262F" w:rsidP="00AD262F">
      <w:pPr>
        <w:pStyle w:val="Normal12"/>
      </w:pPr>
      <w:r w:rsidRPr="004A072F">
        <w:rPr>
          <w:rStyle w:val="HideTWBExt"/>
          <w:noProof w:val="0"/>
        </w:rPr>
        <w:t>&lt;DocRef&gt;</w:t>
      </w:r>
      <w:r w:rsidRPr="004A072F">
        <w:t>COM(2017)0365 – C8-0299/2017 – 2017/2188(DEC)</w:t>
      </w:r>
      <w:r w:rsidRPr="004A072F">
        <w:rPr>
          <w:rStyle w:val="HideTWBExt"/>
          <w:noProof w:val="0"/>
        </w:rPr>
        <w:t>&lt;/DocRef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4A072F">
        <w:t>Propunere de rezolu</w:t>
      </w:r>
      <w:r w:rsidR="00E37769">
        <w:t>ț</w:t>
      </w:r>
      <w:r w:rsidRPr="004A072F">
        <w:t>ie</w:t>
      </w:r>
      <w:r w:rsidRPr="004A072F">
        <w:rPr>
          <w:rStyle w:val="HideTWBExt"/>
          <w:b w:val="0"/>
          <w:noProof w:val="0"/>
        </w:rPr>
        <w:t>&lt;/DocAmend&gt;</w:t>
      </w:r>
    </w:p>
    <w:p w:rsidR="00AD262F" w:rsidRPr="004A072F" w:rsidRDefault="00AD262F" w:rsidP="00AD262F">
      <w:pPr>
        <w:pStyle w:val="NormalBold"/>
      </w:pPr>
      <w:r w:rsidRPr="004A072F">
        <w:rPr>
          <w:rStyle w:val="HideTWBExt"/>
          <w:b w:val="0"/>
          <w:noProof w:val="0"/>
        </w:rPr>
        <w:t>&lt;Article&gt;</w:t>
      </w:r>
      <w:r w:rsidRPr="004A072F">
        <w:t>Punctul 327</w:t>
      </w:r>
      <w:r w:rsidRPr="004A072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D262F" w:rsidRPr="004A072F" w:rsidTr="004B1BCA">
        <w:trPr>
          <w:jc w:val="center"/>
        </w:trPr>
        <w:tc>
          <w:tcPr>
            <w:tcW w:w="9752" w:type="dxa"/>
            <w:gridSpan w:val="2"/>
          </w:tcPr>
          <w:p w:rsidR="00AD262F" w:rsidRPr="004A072F" w:rsidRDefault="00AD262F" w:rsidP="004B1BCA">
            <w:pPr>
              <w:keepNext/>
            </w:pP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Propunerea de rezolu</w:t>
            </w:r>
            <w:r w:rsidR="00E37769">
              <w:t>ț</w:t>
            </w:r>
            <w:r w:rsidRPr="004A072F">
              <w:t>i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ColumnHeading"/>
              <w:keepNext/>
            </w:pPr>
            <w:r w:rsidRPr="004A072F">
              <w:t>Amendamentul</w:t>
            </w:r>
          </w:p>
        </w:tc>
      </w:tr>
      <w:tr w:rsidR="00AD262F" w:rsidRPr="004A072F" w:rsidTr="004B1BCA">
        <w:trPr>
          <w:jc w:val="center"/>
        </w:trPr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</w:rPr>
            </w:pPr>
            <w:r w:rsidRPr="004A072F">
              <w:rPr>
                <w:noProof w:val="0"/>
              </w:rPr>
              <w:t>327.</w:t>
            </w:r>
            <w:r w:rsidRPr="004A072F">
              <w:rPr>
                <w:noProof w:val="0"/>
              </w:rPr>
              <w:tab/>
              <w:t>ia act de situ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a economică complicată din întreaga Europă </w:t>
            </w:r>
            <w:r w:rsidR="00E37769">
              <w:rPr>
                <w:b/>
                <w:i/>
                <w:noProof w:val="0"/>
              </w:rPr>
              <w:t>ș</w:t>
            </w:r>
            <w:r w:rsidRPr="004A072F">
              <w:rPr>
                <w:b/>
                <w:i/>
                <w:noProof w:val="0"/>
              </w:rPr>
              <w:t xml:space="preserve">i </w:t>
            </w:r>
            <w:r w:rsidRPr="004A072F">
              <w:rPr>
                <w:noProof w:val="0"/>
              </w:rPr>
              <w:t xml:space="preserve">în </w:t>
            </w:r>
            <w:r w:rsidRPr="004A072F">
              <w:rPr>
                <w:b/>
                <w:i/>
                <w:noProof w:val="0"/>
              </w:rPr>
              <w:t>special situa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ia politică dificilă din Grecia în perioada punerii în aplicare</w:t>
            </w:r>
            <w:r w:rsidRPr="004A072F">
              <w:rPr>
                <w:noProof w:val="0"/>
              </w:rPr>
              <w:t xml:space="preserve"> a </w:t>
            </w:r>
            <w:r w:rsidRPr="004A072F">
              <w:rPr>
                <w:b/>
                <w:i/>
                <w:noProof w:val="0"/>
              </w:rPr>
              <w:t>asisten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ei financiare a Uniunii</w:t>
            </w:r>
            <w:r w:rsidRPr="004A072F">
              <w:rPr>
                <w:noProof w:val="0"/>
              </w:rPr>
              <w:t>, care a avut un impact direct asupra efici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ei </w:t>
            </w:r>
            <w:r w:rsidRPr="004A072F">
              <w:rPr>
                <w:b/>
                <w:i/>
                <w:noProof w:val="0"/>
              </w:rPr>
              <w:t>punerii în aplicare a asisten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ei</w:t>
            </w:r>
            <w:r w:rsidRPr="004A072F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AD262F" w:rsidRPr="004A072F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4A072F">
              <w:rPr>
                <w:noProof w:val="0"/>
              </w:rPr>
              <w:t>327.</w:t>
            </w:r>
            <w:r w:rsidRPr="004A072F">
              <w:rPr>
                <w:noProof w:val="0"/>
              </w:rPr>
              <w:tab/>
              <w:t>ia act de situa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ia economică complicată din întreaga Europă în </w:t>
            </w:r>
            <w:r w:rsidRPr="004A072F">
              <w:rPr>
                <w:b/>
                <w:i/>
                <w:noProof w:val="0"/>
              </w:rPr>
              <w:t>acea perioadă, exacerbată în Grecia de deciziile adoptate de BCE de</w:t>
            </w:r>
            <w:r w:rsidRPr="004A072F">
              <w:rPr>
                <w:noProof w:val="0"/>
              </w:rPr>
              <w:t xml:space="preserve"> a </w:t>
            </w:r>
            <w:r w:rsidRPr="004A072F">
              <w:rPr>
                <w:b/>
                <w:i/>
                <w:noProof w:val="0"/>
              </w:rPr>
              <w:t>exclude Grecia din programul său de cumpărare de obliga</w:t>
            </w:r>
            <w:r w:rsidR="00E37769">
              <w:rPr>
                <w:b/>
                <w:i/>
                <w:noProof w:val="0"/>
              </w:rPr>
              <w:t>ț</w:t>
            </w:r>
            <w:r w:rsidRPr="004A072F">
              <w:rPr>
                <w:b/>
                <w:i/>
                <w:noProof w:val="0"/>
              </w:rPr>
              <w:t>iuni</w:t>
            </w:r>
            <w:r w:rsidRPr="004A072F">
              <w:rPr>
                <w:noProof w:val="0"/>
              </w:rPr>
              <w:t xml:space="preserve">, </w:t>
            </w:r>
            <w:r w:rsidRPr="004A072F">
              <w:rPr>
                <w:b/>
                <w:i/>
                <w:noProof w:val="0"/>
              </w:rPr>
              <w:t xml:space="preserve">fapt </w:t>
            </w:r>
            <w:r w:rsidRPr="004A072F">
              <w:rPr>
                <w:noProof w:val="0"/>
              </w:rPr>
              <w:t xml:space="preserve">care a avut un impact </w:t>
            </w:r>
            <w:r w:rsidRPr="004A072F">
              <w:rPr>
                <w:b/>
                <w:i/>
                <w:noProof w:val="0"/>
              </w:rPr>
              <w:t xml:space="preserve">negativ </w:t>
            </w:r>
            <w:r w:rsidRPr="004A072F">
              <w:rPr>
                <w:noProof w:val="0"/>
              </w:rPr>
              <w:t>direct asupra eficien</w:t>
            </w:r>
            <w:r w:rsidR="00E37769">
              <w:rPr>
                <w:noProof w:val="0"/>
              </w:rPr>
              <w:t>ț</w:t>
            </w:r>
            <w:r w:rsidRPr="004A072F">
              <w:rPr>
                <w:noProof w:val="0"/>
              </w:rPr>
              <w:t xml:space="preserve">ei </w:t>
            </w:r>
            <w:r w:rsidRPr="004A072F">
              <w:rPr>
                <w:b/>
                <w:i/>
                <w:noProof w:val="0"/>
              </w:rPr>
              <w:t>utilizării împrumuturilor acordate Greciei</w:t>
            </w:r>
            <w:r w:rsidRPr="004A072F">
              <w:rPr>
                <w:noProof w:val="0"/>
              </w:rPr>
              <w:t>;</w:t>
            </w:r>
          </w:p>
        </w:tc>
      </w:tr>
    </w:tbl>
    <w:p w:rsidR="00AD262F" w:rsidRPr="004A072F" w:rsidRDefault="00AD262F" w:rsidP="007B3742">
      <w:pPr>
        <w:pStyle w:val="Olang"/>
      </w:pPr>
      <w:r w:rsidRPr="004A072F">
        <w:t xml:space="preserve">Or. </w:t>
      </w:r>
      <w:r w:rsidRPr="004A072F">
        <w:rPr>
          <w:rStyle w:val="HideTWBExt"/>
          <w:noProof w:val="0"/>
        </w:rPr>
        <w:t>&lt;Original&gt;</w:t>
      </w:r>
      <w:r w:rsidRPr="004A072F">
        <w:rPr>
          <w:rStyle w:val="HideTWBInt"/>
        </w:rPr>
        <w:t>{EN}</w:t>
      </w:r>
      <w:r w:rsidRPr="004A072F">
        <w:t>en</w:t>
      </w:r>
      <w:r w:rsidRPr="004A072F">
        <w:rPr>
          <w:rStyle w:val="HideTWBExt"/>
          <w:noProof w:val="0"/>
        </w:rPr>
        <w:t>&lt;/Original&gt;</w:t>
      </w:r>
    </w:p>
    <w:p w:rsidR="00AD262F" w:rsidRPr="004A072F" w:rsidRDefault="00AD262F" w:rsidP="00AD262F">
      <w:r w:rsidRPr="004A072F">
        <w:rPr>
          <w:rStyle w:val="HideTWBExt"/>
          <w:noProof w:val="0"/>
        </w:rPr>
        <w:t>&lt;/Amend&gt;</w:t>
      </w:r>
    </w:p>
    <w:p w:rsidR="006959AA" w:rsidRPr="004A072F" w:rsidRDefault="006959AA" w:rsidP="006959AA">
      <w:r w:rsidRPr="004A072F">
        <w:rPr>
          <w:rStyle w:val="HideTWBExt"/>
          <w:noProof w:val="0"/>
        </w:rPr>
        <w:t>&lt;/RepeatBlock-Amend&gt;</w:t>
      </w:r>
    </w:p>
    <w:sectPr w:rsidR="006959AA" w:rsidRPr="004A072F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13E64" w:rsidRPr="004A072F" w:rsidRDefault="00213E64">
      <w:r w:rsidRPr="004A072F">
        <w:separator/>
      </w:r>
    </w:p>
  </w:endnote>
  <w:endnote w:type="continuationSeparator" w:id="0">
    <w:p w:rsidR="00213E64" w:rsidRPr="004A072F" w:rsidRDefault="00213E64">
      <w:r w:rsidRPr="004A072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100D" w:rsidRDefault="006B100D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Pr="004A072F" w:rsidRDefault="004A072F" w:rsidP="004A072F">
    <w:pPr>
      <w:pStyle w:val="Footer"/>
    </w:pPr>
    <w:r w:rsidRPr="004A072F">
      <w:rPr>
        <w:rStyle w:val="HideTWBExt"/>
        <w:noProof w:val="0"/>
      </w:rPr>
      <w:t>&lt;PathFdR&gt;</w:t>
    </w:r>
    <w:r w:rsidRPr="004A072F">
      <w:t>AM\1150711RO.docx</w:t>
    </w:r>
    <w:r w:rsidRPr="004A072F">
      <w:rPr>
        <w:rStyle w:val="HideTWBExt"/>
        <w:noProof w:val="0"/>
      </w:rPr>
      <w:t>&lt;/PathFdR&gt;</w:t>
    </w:r>
    <w:r w:rsidRPr="004A072F">
      <w:tab/>
    </w:r>
    <w:r w:rsidRPr="004A072F">
      <w:tab/>
      <w:t>PE</w:t>
    </w:r>
    <w:r w:rsidRPr="004A072F">
      <w:rPr>
        <w:rStyle w:val="HideTWBExt"/>
        <w:noProof w:val="0"/>
      </w:rPr>
      <w:t>&lt;NoPE&gt;</w:t>
    </w:r>
    <w:r w:rsidRPr="004A072F">
      <w:t>618.427</w:t>
    </w:r>
    <w:r w:rsidRPr="004A072F">
      <w:rPr>
        <w:rStyle w:val="HideTWBExt"/>
        <w:noProof w:val="0"/>
      </w:rPr>
      <w:t>&lt;/NoPE&gt;&lt;Version&gt;</w:t>
    </w:r>
    <w:r w:rsidRPr="004A072F">
      <w:t>v01-00</w:t>
    </w:r>
    <w:r w:rsidRPr="004A072F">
      <w:rPr>
        <w:rStyle w:val="HideTWBExt"/>
        <w:noProof w:val="0"/>
      </w:rPr>
      <w:t>&lt;/Version&gt;</w:t>
    </w:r>
  </w:p>
  <w:p w:rsidR="00EE4A94" w:rsidRPr="004A072F" w:rsidRDefault="004A072F" w:rsidP="004A072F">
    <w:pPr>
      <w:pStyle w:val="Footer2"/>
      <w:tabs>
        <w:tab w:val="center" w:pos="4535"/>
        <w:tab w:val="right" w:pos="9921"/>
      </w:tabs>
    </w:pPr>
    <w:r w:rsidRPr="004A072F">
      <w:t>RO</w:t>
    </w:r>
    <w:r w:rsidRPr="004A072F">
      <w:tab/>
    </w:r>
    <w:r w:rsidRPr="004A072F">
      <w:rPr>
        <w:b w:val="0"/>
        <w:i/>
        <w:color w:val="C0C0C0"/>
        <w:sz w:val="22"/>
      </w:rPr>
      <w:t>Unită în diversitate</w:t>
    </w:r>
    <w:r w:rsidRPr="004A072F">
      <w:tab/>
      <w:t>RO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100D" w:rsidRDefault="006B100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A072F" w:rsidRDefault="004A072F" w:rsidP="004A072F">
    <w:pPr>
      <w:pStyle w:val="Footer"/>
    </w:pPr>
    <w:r w:rsidRPr="004A072F">
      <w:rPr>
        <w:rStyle w:val="HideTWBExt"/>
      </w:rPr>
      <w:t>&lt;PathFdR&gt;</w:t>
    </w:r>
    <w:r>
      <w:t>AM\1150711RO.docx</w:t>
    </w:r>
    <w:r w:rsidRPr="004A072F">
      <w:rPr>
        <w:rStyle w:val="HideTWBExt"/>
      </w:rPr>
      <w:t>&lt;/PathFdR&gt;</w:t>
    </w:r>
    <w:r>
      <w:tab/>
    </w:r>
    <w:r>
      <w:tab/>
      <w:t>PE</w:t>
    </w:r>
    <w:r w:rsidRPr="004A072F">
      <w:rPr>
        <w:rStyle w:val="HideTWBExt"/>
      </w:rPr>
      <w:t>&lt;NoPE&gt;</w:t>
    </w:r>
    <w:r>
      <w:t>618.427</w:t>
    </w:r>
    <w:r w:rsidRPr="004A072F">
      <w:rPr>
        <w:rStyle w:val="HideTWBExt"/>
      </w:rPr>
      <w:t>&lt;/NoPE&gt;&lt;Version&gt;</w:t>
    </w:r>
    <w:r>
      <w:t>v01-00</w:t>
    </w:r>
    <w:r w:rsidRPr="004A072F">
      <w:rPr>
        <w:rStyle w:val="HideTWBExt"/>
      </w:rPr>
      <w:t>&lt;/Version&gt;</w:t>
    </w:r>
  </w:p>
  <w:p w:rsidR="00AD262F" w:rsidRPr="00E87214" w:rsidRDefault="004A072F" w:rsidP="004A072F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4A072F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13E64" w:rsidRPr="004A072F" w:rsidRDefault="00213E64">
      <w:r w:rsidRPr="004A072F">
        <w:separator/>
      </w:r>
    </w:p>
  </w:footnote>
  <w:footnote w:type="continuationSeparator" w:id="0">
    <w:p w:rsidR="00213E64" w:rsidRPr="004A072F" w:rsidRDefault="00213E64">
      <w:r w:rsidRPr="004A072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100D" w:rsidRDefault="006B100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100D" w:rsidRDefault="006B100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100D" w:rsidRDefault="006B100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0"/>
    <w:docVar w:name="CVar" w:val="16"/>
    <w:docVar w:name="DOCDT" w:val="11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1477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414774 footer;}{\*\cs17 \additive \rtlch\fcs1 \af0 \ltrch\fcs0 \fs22 \sbasedon10 \slink16 \slocked \spriority0 \styrsid341477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414774 Footer2;}}{\*\rsidtbl \rsid24658\rsid735077\rsid1258258\rsid2892074\rsid34147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4\dy4\hr13\min48}_x000d__x000a_{\revtim\yr2017\mo4\dy4\hr13\min48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414774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2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414774\charrsid11294374 {\*\bkmkstart InsideFooter}&lt;PathFdR&gt;}{\rtlch\fcs1 \af0 \ltrch\fcs0 \insrsid3414774\charrsid8995626 AM\\P8_AMA(2017)0156(004-004)_EN.docx}{\rtlch\fcs1 \af0 \ltrch\fcs0 _x000d__x000a_\cs15\v\f1\fs20\cf9\insrsid3414774\charrsid11294374 &lt;/PathFdR&gt;}{\rtlch\fcs1 \af0 \ltrch\fcs0 \insrsid3414774\charrsid11294374 {\*\bkmkend InsideFooter}\tab \tab {\*\bkmkstart OutsideFooter}PE}{\rtlch\fcs1 \af0 \ltrch\fcs0 _x000d__x000a_\cs15\v\f1\fs20\cf9\insrsid3414774\charrsid11294374 &lt;NoPE&gt;}{\rtlch\fcs1 \af0 \ltrch\fcs0 \insrsid3414774 603.693}{\rtlch\fcs1 \af0 \ltrch\fcs0 \cs15\v\f1\fs20\cf9\insrsid3414774\charrsid11294374 &lt;/NoPE&gt;&lt;Version&gt;}{\rtlch\fcs1 \af0 \ltrch\fcs0 _x000d__x000a_\insrsid3414774\charrsid11294374 v}{\rtlch\fcs1 \af0 \ltrch\fcs0 \insrsid3414774 01-00}{\rtlch\fcs1 \af0 \ltrch\fcs0 \cs15\v\f1\fs20\cf9\insrsid3414774\charrsid11294374 &lt;/Version&gt;}{\rtlch\fcs1 \af0 \ltrch\fcs0 \insrsid3414774\charrsid11294374 _x000d__x000a_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414774\charrsid11294374  DOCPROPERTY &quot;&lt;Extension&gt;&quot; }}{\fldrslt {\rtlch\fcs1 \af1 \ltrch\fcs0 \insrsid3414774 EN}}}\sectd \ltrsect_x000d__x000a_\linex0\endnhere\sectdefaultcl\sftnbj {\rtlch\fcs1 \af1 \ltrch\fcs0 \cf16\insrsid3414774\charrsid11294374 \tab }{\rtlch\fcs1 \af1\afs22 \ltrch\fcs0 \b0\i\fs22\cf16\insrsid3414774 United in diversity}{\rtlch\fcs1 \af1 \ltrch\fcs0 _x000d__x000a_\cf16\insrsid3414774\charrsid11294374 \tab }{\field{\*\fldinst {\rtlch\fcs1 \af1 \ltrch\fcs0 \insrsid3414774\charrsid11294374  DOCPROPERTY &quot;&lt;Extension&gt;&quot; }}{\fldrslt {\rtlch\fcs1 \af1 \ltrch\fcs0 \insrsid3414774 EN}}}\sectd \ltrsect_x000d__x000a_\linex0\endnhere\sectdefaultcl\sftnbj {\rtlch\fcs1 \af1 \ltrch\fcs0 \insrsid3414774\charrsid1129437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3414774\charrsid1129437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e_x000d__x000a_666b39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6"/>
    <w:docVar w:name="LastEditedSection" w:val=" 1"/>
    <w:docVar w:name="NRAKEY" w:val="013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532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125328 footer;}{\*\cs17 \additive \rtlch\fcs1 \af0 \ltrch\fcs0 \fs22 \sbasedon10 \slink16 \slocked \spriority0 \styrsid1612532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125328 ProjRap;}{\s19\ql \li0\ri0\sa240\nowidctlpar\wrapdefault\aspalpha\aspnum\faauto\adjustright\rin0\lin0\itap0 \rtlch\fcs1 \af0\afs20\alang1025 \ltrch\fcs0 _x000d__x000a_\fs24\lang2057\langfe2057\cgrid\langnp2057\langfenp2057 \sbasedon0 \snext19 \spriority0 \styrsid1612532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125328 Footer2;}{\*\cs21 \additive \v\cf15 \spriority0 \styrsid16125328 HideTWBInt;}{_x000d__x000a_\s22\ql \li0\ri0\nowidctlpar\wrapdefault\aspalpha\aspnum\faauto\adjustright\rin0\lin0\itap0 \rtlch\fcs1 \af0\afs20\alang1025 \ltrch\fcs0 \b\fs24\lang2057\langfe2057\cgrid\langnp2057\langfenp2057 \sbasedon0 \snext22 \slink26 \spriority0 \styrsid1612532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125328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125328 Normal6;}{\s25\ql \li0\ri-284\nowidctlpar\tqr\tx9072\wrapdefault\aspalpha\aspnum\faauto\adjustright\rin-284\lin0\itap0 \rtlch\fcs1 _x000d__x000a_\af0\afs20\alang1025 \ltrch\fcs0 \fs24\lang2057\langfe2057\cgrid\langnp2057\langfenp2057 \sbasedon0 \snext25 \spriority0 \styrsid16125328 ZDateAM;}{\*\cs26 \additive \b\fs24 \slink22 \slocked \spriority0 \styrsid16125328 NormalBold Char;}{\*\cs27 _x000d__x000a_\additive \fs24\lang1024\langfe1024\noproof \slink24 \slocked \spriority0 \styrsid16125328 Normal6 Char;}{\s28\qc \li0\ri0\sa240\nowidctlpar\wrapdefault\aspalpha\aspnum\faauto\adjustright\rin0\lin0\itap0 \rtlch\fcs1 \af0\afs20\alang1025 \ltrch\fcs0 _x000d__x000a_\i\fs24\lang2057\langfe2057\cgrid\langnp2057\langfenp2057 \sbasedon0 \snext28 \spriority0 \styrsid1612532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125328 AMNumberTabs;}}{\*\rsidtbl \rsid24658\rsid735077\rsid2892074\rsid4666813\rsid6641733\rsid9636012\rsid11215221\rsid12154954\rsid14424199_x000d__x000a_\rsid15204470\rsid15274363\rsid15285974\rsid15950462\rsid16125328\rsid16324206\rsid16662270}{\mmathPr\mmathFont34\mbrkBin0\mbrkBinSub0\msmallFrac0\mdispDef1\mlMargin0\mrMargin0\mdefJc1\mwrapIndent1440\mintLim0\mnaryLim1}{\info{\author CARROLL Annette}_x000d__x000a_{\operator CARROLL Annette}{\creatim\yr2017\mo4\dy4\hr13\min13}{\revtim\yr2017\mo4\dy4\hr13\min13}{\version1}{\edmins0}{\nofpages1}{\nofwords74}{\nofchars794}{\*\company European Parliament}{\nofcharsws807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5328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743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125328\charrsid15233556 {\*\bkmkstart InsideFooter}&lt;PathFdR&gt;}{\rtlch\fcs1 \af0 \ltrch\fcs0 \cf10\insrsid16125328\charrsid15233556 \uc1\u9668\'3f}{\rtlch\fcs1 \af0 \ltrch\fcs0 \insrsid16125328\charrsid15233556 #}{\rtlch\fcs1 _x000d__x000a_\af0 \ltrch\fcs0 \cs21\v\cf15\insrsid16125328\charrsid15233556 TXTROUTE@@}{\rtlch\fcs1 \af0 \ltrch\fcs0 \insrsid16125328\charrsid15233556 #}{\rtlch\fcs1 \af0 \ltrch\fcs0 \cf10\insrsid16125328\charrsid15233556 \uc1\u9658\'3f}{\rtlch\fcs1 \af0 \ltrch\fcs0 _x000d__x000a_\cs15\v\f1\fs20\cf9\insrsid16125328\charrsid15233556 &lt;/PathFdR&gt;}{\rtlch\fcs1 \af0 \ltrch\fcs0 \insrsid16125328\charrsid15233556 {\*\bkmkend InsideFooter}\tab \tab {\*\bkmkstart OutsideFooter}PE}{\rtlch\fcs1 \af0 \ltrch\fcs0 _x000d__x000a_\cs15\v\f1\fs20\cf9\insrsid16125328\charrsid15233556 &lt;NoPE&gt;}{\rtlch\fcs1 \af0 \ltrch\fcs0 \cf10\insrsid16125328\charrsid15233556 \uc1\u9668\'3f}{\rtlch\fcs1 \af0 \ltrch\fcs0 \insrsid16125328\charrsid15233556 #}{\rtlch\fcs1 \af0 \ltrch\fcs0 _x000d__x000a_\cs21\v\cf15\insrsid16125328\charrsid15233556 TXTNRPE@NRPE@}{\rtlch\fcs1 \af0 \ltrch\fcs0 \insrsid16125328\charrsid15233556 #}{\rtlch\fcs1 \af0 \ltrch\fcs0 \cf10\insrsid16125328\charrsid15233556 \uc1\u9658\'3f}{\rtlch\fcs1 \af0 \ltrch\fcs0 _x000d__x000a_\cs15\v\f1\fs20\cf9\insrsid16125328\charrsid15233556 &lt;/NoPE&gt;&lt;Version&gt;}{\rtlch\fcs1 \af0 \ltrch\fcs0 \insrsid16125328\charrsid15233556 v}{\rtlch\fcs1 \af0 \ltrch\fcs0 \cf10\insrsid16125328\charrsid15233556 \uc1\u9668\'3f}{\rtlch\fcs1 \af0 \ltrch\fcs0 _x000d__x000a_\insrsid16125328\charrsid15233556 #}{\rtlch\fcs1 \af0 \ltrch\fcs0 \cs21\v\cf15\insrsid16125328\charrsid15233556 TXTVERSION@NRV@}{\rtlch\fcs1 \af0 \ltrch\fcs0 \insrsid16125328\charrsid15233556 #}{\rtlch\fcs1 \af0 \ltrch\fcs0 _x000d__x000a_\cf10\insrsid16125328\charrsid15233556 \uc1\u9658\'3f}{\rtlch\fcs1 \af0 \ltrch\fcs0 \cs15\v\f1\fs20\cf9\insrsid16125328\charrsid15233556 &lt;/Version&gt;}{\rtlch\fcs1 \af0 \ltrch\fcs0 \insrsid16125328\charrsid15233556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6125328\charrsid15233556  DOCPROPERTY &quot;&lt;Extension&gt;&quot; }}{\fldrslt {\rtlch\fcs1 \af1 \ltrch\fcs0 _x000d__x000a_\insrsid16125328\charrsid15233556 XX}}}\sectd \ltrsect\linex0\endnhere\sectdefaultcl\sftnbj {\rtlch\fcs1 \af1 \ltrch\fcs0 \cf16\insrsid16125328\charrsid15233556 \tab }{\rtlch\fcs1 \af1\afs22 \ltrch\fcs0 \b0\i\fs22\cf16\insrsid16125328\charrsid15233556 #}{_x000d__x000a_\rtlch\fcs1 \af1 \ltrch\fcs0 \cs21\v\cf15\insrsid16125328\charrsid15233556 (STD@_Motto}{\rtlch\fcs1 \af1\afs22 \ltrch\fcs0 \b0\i\fs22\cf16\insrsid16125328\charrsid15233556 #}{\rtlch\fcs1 \af1 \ltrch\fcs0 \cf16\insrsid16125328\charrsid15233556 \tab }_x000d__x000a_{\field\flddirty{\*\fldinst {\rtlch\fcs1 \af1 \ltrch\fcs0 \insrsid16125328\charrsid15233556  DOCPROPERTY &quot;&lt;Extension&gt;&quot; }}{\fldrslt {\rtlch\fcs1 \af1 \ltrch\fcs0 \insrsid16125328\charrsid15233556 XX}}}\sectd \ltrsect\linex0\endnhere\sectdefaultcl\sftnbj {_x000d__x000a_\rtlch\fcs1 \af1 \ltrch\fcs0 \insrsid16125328\charrsid152335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6125328\charrsid15233556 {\*\bkmkstart restart}&lt;Amend&gt;&lt;Date&gt;}{\rtlch\fcs1 \af0 \ltrch\fcs0 \insrsid16125328\charrsid15233556 #}{\rtlch\fcs1 \af0 \ltrch\fcs0 \cs21\v\cf15\insrsid16125328\charrsid15233556 _x000d__x000a_DT(d.m.yyyy)sh@DATEMSG@DOCDT}{\rtlch\fcs1 \af0 \ltrch\fcs0 \insrsid16125328\charrsid15233556 #}{\rtlch\fcs1 \af0 \ltrch\fcs0 \cs15\v\f1\fs20\cf9\insrsid16125328\charrsid15233556 &lt;/Date&gt;}{\rtlch\fcs1 \af0 \ltrch\fcs0 \insrsid16125328\charrsid15233556 \tab _x000d__x000a_}{\rtlch\fcs1 \af0 \ltrch\fcs0 \cs15\v\f1\fs20\cf9\insrsid16125328\charrsid15233556 &lt;ANo&gt;}{\rtlch\fcs1 \af0 \ltrch\fcs0 \insrsid16125328\charrsid15233556 #}{\rtlch\fcs1 \af0 \ltrch\fcs0 \cs21\v\cf15\insrsid16125328\charrsid15233556 _x000d__x000a_KEY(PLENARY/ANUMBER)@NRAMSG@NRAKEY}{\rtlch\fcs1 \af0 \ltrch\fcs0 \insrsid16125328\charrsid15233556 #}{\rtlch\fcs1 \af0 \ltrch\fcs0 \cs15\v\f1\fs20\cf9\insrsid16125328\charrsid15233556 &lt;/ANo&gt;}{\rtlch\fcs1 \af0 \ltrch\fcs0 \insrsid16125328\charrsid15233556 _x000d__x000a_/}{\rtlch\fcs1 \af0 \ltrch\fcs0 \cs15\v\f1\fs20\cf9\insrsid16125328\charrsid15233556 &lt;NumAm&gt;}{\rtlch\fcs1 \af0 \ltrch\fcs0 \insrsid16125328\charrsid15233556 #}{\rtlch\fcs1 \af0 \ltrch\fcs0 \cs21\v\cf15\insrsid16125328\charrsid15233556 ENMIENDA@NRAM@}{_x000d__x000a_\rtlch\fcs1 \af0 \ltrch\fcs0 \insrsid16125328\charrsid15233556 #}{\rtlch\fcs1 \af0 \ltrch\fcs0 \cs15\v\f1\fs20\cf9\insrsid16125328\charrsid15233556 &lt;/NumAm&gt;}{\rtlch\fcs1 \af0 \ltrch\fcs0 \insrsid16125328\charrsid15233556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6125328\charrsid15233556 Amendment\tab \tab }{\rtlch\fcs1 \af0 \ltrch\fcs0 _x000d__x000a_\cs15\b0\v\f1\fs20\cf9\insrsid16125328\charrsid15233556 &lt;NumAm&gt;}{\rtlch\fcs1 \af0 \ltrch\fcs0 \insrsid16125328\charrsid15233556 #}{\rtlch\fcs1 \af0 \ltrch\fcs0 \cs21\v\cf15\insrsid16125328\charrsid15233556 ENMIENDA@NRAM@}{\rtlch\fcs1 \af0 \ltrch\fcs0 _x000d__x000a_\insrsid16125328\charrsid15233556 #}{\rtlch\fcs1 \af0 \ltrch\fcs0 \cs15\b0\v\f1\fs20\cf9\insrsid16125328\charrsid15233556 &lt;/NumAm&gt;}{\rtlch\fcs1 \af0 \ltrch\fcs0 \insrsid16125328\charrsid15233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RepeatBlock-By&gt;}{\rtlch\fcs1 \af0 \ltrch\fcs0 \insrsid16125328\charrsid15233556 #}{\rtlch\fcs1 \af0 \ltrch\fcs0 \cs21\v\cf15\insrsid16125328\charrsid15233556 &gt;&gt;&gt;@[ZMEMBERSMSG]@}{_x000d__x000a_\rtlch\fcs1 \af0 \ltrch\fcs0 \insrsid16125328\charrsid15233556 #}{\rtlch\fcs1 \af0 \ltrch\fcs0 \cs15\b0\v\f1\fs20\cf9\insrsid16125328\charrsid15233556 &lt;Members&gt;}{\rtlch\fcs1 \af0 \ltrch\fcs0 \cf10\insrsid16125328\charrsid15233556 \u9668\'3f}{\rtlch\fcs1 _x000d__x000a_\af0 \ltrch\fcs0 \insrsid16125328\charrsid15233556 #}{\rtlch\fcs1 \af0 \ltrch\fcs0 \cs21\v\cf15\insrsid16125328\charrsid15233556 TVTMEMBERS\'a7@MEMBERS@}{\rtlch\fcs1 \af0 \ltrch\fcs0 \insrsid16125328\charrsid15233556 #}{\rtlch\fcs1 \af0 \ltrch\fcs0 _x000d__x000a_\cf10\insrsid16125328\charrsid15233556 \u9658\'3f}{\rtlch\fcs1 \af0 \ltrch\fcs0 \cs15\b0\v\f1\fs20\cf9\insrsid16125328\charrsid15233556 &lt;/Members&gt;}{\rtlch\fcs1 \af0 \ltrch\fcs0 \insrsid16125328\charrsid152335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6125328\charrsid15233556 &lt;AuNomDe&gt;&lt;OptDel&gt;}{\rtlch\fcs1 \af0 \ltrch\fcs0 \insrsid16125328\charrsid15233556 #}{\rtlch\fcs1 \af0 \ltrch\fcs0 \cs21\v\cf15\insrsid16125328\charrsid15233556 MNU[ONBEHALFYES][NOTAPP]@CHOICE@}{_x000d__x000a_\rtlch\fcs1 \af0 \ltrch\fcs0 \insrsid16125328\charrsid15233556 #}{\rtlch\fcs1 \af0 \ltrch\fcs0 \cs15\v\f1\fs20\cf9\insrsid16125328\charrsid15233556 &lt;/OptDel&gt;&lt;/AuNomDe&gt;}{\rtlch\fcs1 \af0 \ltrch\fcs0 \insrsid16125328\charrsid15233556 _x000d__x000a_\par &lt;&lt;&lt;}{\rtlch\fcs1 \af0 \ltrch\fcs0 \cs15\v\f1\fs20\cf9\insrsid16125328\charrsid15233556 &lt;/RepeatBlock-By&gt;}{\rtlch\fcs1 \af0 \ltrch\fcs0 \insrsid16125328\charrsid15233556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6125328\charrsid15233556 &lt;TitreType&gt;}{\rtlch\fcs1 \af0 \ltrch\fcs0 \insrsid16125328\charrsid15233556 Report}{\rtlch\fcs1 \af0 \ltrch\fcs0 \cs15\b0\v\f1\fs20\cf9\insrsid16125328\charrsid15233556 _x000d__x000a_&lt;/TitreType&gt;}{\rtlch\fcs1 \af0 \ltrch\fcs0 \insrsid16125328\charrsid15233556 \tab #}{\rtlch\fcs1 \af0 \ltrch\fcs0 \cs21\v\cf15\insrsid16125328\charrsid15233556 KEY(PLENARY/ANUMBER)@NRAMSG@NRAKEY}{\rtlch\fcs1 \af0 \ltrch\fcs0 _x000d__x000a_\insrsid16125328\charrsid15233556 #/#}{\rtlch\fcs1 \af0 \ltrch\fcs0 \cs21\v\cf15\insrsid16125328\charrsid15233556 KEY(PLENARY/DOCYEAR)@DOCYEARMSG@NRAKEY}{\rtlch\fcs1 \af0 \ltrch\fcs0 \insrsid16125328\charrsid15233556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Rapporteur&gt;}{\rtlch\fcs1 \af0 \ltrch\fcs0 \insrsid16125328\charrsid15233556 #}{\rtlch\fcs1 \af0 \ltrch\fcs0 \cs21\v\cf15\insrsid16125328\charrsid15233556 _x000d__x000a_KEY(PLENARY/RAPPORTEURS)@AUTHORMSG@NRAKEY}{\rtlch\fcs1 \af0 \ltrch\fcs0 \insrsid16125328\charrsid15233556 #}{\rtlch\fcs1 \af0 \ltrch\fcs0 \cs15\b0\v\f1\fs20\cf9\insrsid16125328\charrsid15233556 &lt;/Rapporteur&gt;}{\rtlch\fcs1 \af0 \ltrch\fcs0 _x000d__x000a_\insrsid16125328\charrsid152335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6125328\charrsid15233556 &lt;Titre&gt;}{\rtlch\fcs1 \af0 \ltrch\fcs0 \insrsid16125328\charrsid15233556 #}{\rtlch\fcs1 \af0 \ltrch\fcs0 \cs21\v\cf15\insrsid16125328\charrsid15233556 KEY(PLENARY/TITLES)@TITLEMSG@NRAKEY}{\rtlch\fcs1 _x000d__x000a_\af0 \ltrch\fcs0 \insrsid16125328\charrsid15233556 #}{\rtlch\fcs1 \af0 \ltrch\fcs0 \cs15\v\f1\fs20\cf9\insrsid16125328\charrsid15233556 &lt;/Titre&gt;}{\rtlch\fcs1 \af0 \ltrch\fcs0 \insrsid16125328\charrsid152335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6125328\charrsid15233556 &lt;DocRef&gt;}{\rtlch\fcs1 \af0 \ltrch\fcs0 \insrsid16125328\charrsid15233556 #}{\rtlch\fcs1 \af0 \ltrch\fcs0 \cs21\v\cf15\insrsid16125328\charrsid15233556 KEY(PLENARY/REFERENCES)@REFMSG@NRAKEY}{_x000d__x000a_\rtlch\fcs1 \af0 \ltrch\fcs0 \insrsid16125328\charrsid15233556 #}{\rtlch\fcs1 \af0 \ltrch\fcs0 \cs15\v\f1\fs20\cf9\insrsid16125328\charrsid15233556 &lt;/DocRef&gt;}{\rtlch\fcs1 \af0 \ltrch\fcs0 \insrsid16125328\charrsid15233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DocAmend&gt;}{\rtlch\fcs1 \af0 \ltrch\fcs0 \insrsid16125328\charrsid15233556 #}{\rtlch\fcs1 \af0 \ltrch\fcs0 \cs21\v\cf15\insrsid16125328\charrsid15233556 _x000d__x000a_MNU[DOC1][DOC2][DOC3]@CHOICE@DOCMNU}{\rtlch\fcs1 \af0 \ltrch\fcs0 \insrsid16125328\charrsid15233556 #}{\rtlch\fcs1 \af0 \ltrch\fcs0 \cs15\b0\v\f1\fs20\cf9\insrsid16125328\charrsid15233556 &lt;/DocAmend&gt;}{\rtlch\fcs1 \af0 \ltrch\fcs0 _x000d__x000a_\insrsid16125328\charrsid15233556 _x000d__x000a_\par }{\rtlch\fcs1 \af0 \ltrch\fcs0 \cs15\b0\v\f1\fs20\cf9\insrsid16125328\charrsid15233556 &lt;Article&gt;}{\rtlch\fcs1 \af0 \ltrch\fcs0 \cf10\insrsid16125328\charrsid15233556 \u9668\'3f}{\rtlch\fcs1 \af0 \ltrch\fcs0 \insrsid16125328\charrsid15233556 #}{_x000d__x000a_\rtlch\fcs1 \af0 \ltrch\fcs0 \cs21\v\cf15\insrsid16125328\charrsid15233556 TVTAMPART@AMPART@}{\rtlch\fcs1 \af0 \ltrch\fcs0 \insrsid16125328\charrsid15233556 #}{\rtlch\fcs1 \af0 \ltrch\fcs0 \cf10\insrsid16125328\charrsid15233556 \u9658\'3f}{\rtlch\fcs1 _x000d__x000a_\af0 \ltrch\fcs0 \cs15\b0\v\f1\fs20\cf9\insrsid16125328\charrsid15233556 &lt;/Article&gt;}{\rtlch\fcs1 \af0 \ltrch\fcs0 \insrsid16125328\charrsid15233556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6125328\charrsid15233556 \cell }\pard \ltrpar\ql \li0\ri0\widctlpar\intbl\wrapdefault\aspalpha\aspnum\faauto\adjustright\rin0\lin0 {\rtlch\fcs1 \af0 _x000d__x000a_\ltrch\fcs0 \insrsid16125328\charrsid15233556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6125328\charrsid15233556 #}{\rtlch\fcs1 \af0 \ltrch\fcs0 \cs21\v\cf15\insrsid16125328\charrsid15233556 MNU[DOC1][DOC2][DOC3]@CHOICE@DOCMNU}{\rtlch\fcs1 \af0 \ltrch\fcs0 \insrsid16125328\charrsid15233556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6125328\charrsid15233556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6125328\charrsid15233556 ##\cell ##}{\rtlch\fcs1 \af0\afs24 \ltrch\fcs0 \noproof0\insrsid16125328\charrsid15233556 \cell }\pard\plain \ltrpar\ql \li0\ri0\widctlpar\intbl\wrapdefault\aspalpha\aspnum\faauto\adjustright\rin0\lin0 _x000d__x000a_\rtlch\fcs1 \af0\afs20\alang1025 \ltrch\fcs0 \fs24\lang2057\langfe2057\cgrid\langnp2057\langfenp2057 {\rtlch\fcs1 \af0 \ltrch\fcs0 \insrsid16125328\charrsid15233556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6125328\charrsid15233556 Or. }{\rtlch\fcs1 \af0 \ltrch\fcs0 \cs15\v\f1\fs20\cf9\insrsid16125328\charrsid15233556 &lt;Original&gt;}{\rtlch\fcs1 \af0 \ltrch\fcs0 \insrsid16125328\charrsid15233556 #}{\rtlch\fcs1 \af0 \ltrch\fcs0 _x000d__x000a_\cs21\v\cf15\insrsid16125328\charrsid15233556 KEY(MAIN/LANGMIN)sh@ORLANGMSG@ORLANGKEY}{\rtlch\fcs1 \af0 \ltrch\fcs0 \insrsid16125328\charrsid15233556 #}{\rtlch\fcs1 \af0 \ltrch\fcs0 \cs15\v\f1\fs20\cf9\insrsid16125328\charrsid15233556 &lt;/Original&gt;}{_x000d__x000a_\rtlch\fcs1 \af0 \ltrch\fcs0 \insrsid16125328\charrsid15233556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6125328\charrsid15233556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6125328\charrsid1523355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5_x000d__x000a_9c8034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VTAMPART" w:val="Paragraph 327"/>
    <w:docVar w:name="TVTMEMBERS1" w:val="Luke Ming Flanagan, Sofia Sakorafa"/>
    <w:docVar w:name="TXTLANGUE" w:val="EN"/>
    <w:docVar w:name="TXTLANGUEMIN" w:val="en"/>
    <w:docVar w:name="TXTNRFIRSTAM" w:val="7"/>
    <w:docVar w:name="TXTNRLASTAM" w:val="16"/>
    <w:docVar w:name="TXTNRPE" w:val="618.427"/>
    <w:docVar w:name="TXTPEorAP" w:val="PE"/>
    <w:docVar w:name="TXTROUTE" w:val="AM\P8_AMA(2018)0130(007-016)_EN.docx"/>
    <w:docVar w:name="TXTVERSION" w:val="01-00"/>
  </w:docVars>
  <w:rsids>
    <w:rsidRoot w:val="00213E64"/>
    <w:rsid w:val="00016E4D"/>
    <w:rsid w:val="000554AB"/>
    <w:rsid w:val="000D05F4"/>
    <w:rsid w:val="000E01B6"/>
    <w:rsid w:val="001337AF"/>
    <w:rsid w:val="001E376E"/>
    <w:rsid w:val="00211472"/>
    <w:rsid w:val="00213E64"/>
    <w:rsid w:val="00250122"/>
    <w:rsid w:val="00256216"/>
    <w:rsid w:val="00270EB3"/>
    <w:rsid w:val="0029007A"/>
    <w:rsid w:val="00291210"/>
    <w:rsid w:val="00294B2C"/>
    <w:rsid w:val="002C7968"/>
    <w:rsid w:val="003000AD"/>
    <w:rsid w:val="0037662A"/>
    <w:rsid w:val="00401B4E"/>
    <w:rsid w:val="00423618"/>
    <w:rsid w:val="004300A3"/>
    <w:rsid w:val="00431305"/>
    <w:rsid w:val="004A072F"/>
    <w:rsid w:val="004D5682"/>
    <w:rsid w:val="004F4B78"/>
    <w:rsid w:val="005460A7"/>
    <w:rsid w:val="005F0730"/>
    <w:rsid w:val="006158B0"/>
    <w:rsid w:val="00651D47"/>
    <w:rsid w:val="006959AA"/>
    <w:rsid w:val="006B100D"/>
    <w:rsid w:val="007422EB"/>
    <w:rsid w:val="00781960"/>
    <w:rsid w:val="007B3742"/>
    <w:rsid w:val="0091788F"/>
    <w:rsid w:val="00926656"/>
    <w:rsid w:val="009A1B43"/>
    <w:rsid w:val="009B0B57"/>
    <w:rsid w:val="00A0770B"/>
    <w:rsid w:val="00A11CA3"/>
    <w:rsid w:val="00A12366"/>
    <w:rsid w:val="00A23DC7"/>
    <w:rsid w:val="00A52518"/>
    <w:rsid w:val="00AD262F"/>
    <w:rsid w:val="00BC4047"/>
    <w:rsid w:val="00BE2400"/>
    <w:rsid w:val="00C14A2B"/>
    <w:rsid w:val="00CA2A46"/>
    <w:rsid w:val="00E37769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7933ADC-05D2-4FC8-B365-4BF2CF7EFC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ro-RO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ro-RO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D262F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B2C9BA8.dotm</Template>
  <TotalTime>1</TotalTime>
  <Pages>10</Pages>
  <Words>2431</Words>
  <Characters>13128</Characters>
  <Application>Microsoft Office Word</Application>
  <DocSecurity>0</DocSecurity>
  <Lines>547</Lines>
  <Paragraphs>25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3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ARROLL Annette</dc:creator>
  <cp:keywords/>
  <dc:description/>
  <cp:lastModifiedBy>ORBULESCU Ioana-Rebecca</cp:lastModifiedBy>
  <cp:revision>2</cp:revision>
  <cp:lastPrinted>2018-04-11T18:07:00Z</cp:lastPrinted>
  <dcterms:created xsi:type="dcterms:W3CDTF">2018-04-13T15:27:00Z</dcterms:created>
  <dcterms:modified xsi:type="dcterms:W3CDTF">2018-04-13T15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071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1:46:14)</vt:lpwstr>
  </property>
  <property fmtid="{D5CDD505-2E9C-101B-9397-08002B2CF9AE}" pid="7" name="&lt;ModelTra&gt;">
    <vt:lpwstr>\\eiciBRU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0711RO.docx</vt:lpwstr>
  </property>
  <property fmtid="{D5CDD505-2E9C-101B-9397-08002B2CF9AE}" pid="10" name="PE number">
    <vt:lpwstr>618.427</vt:lpwstr>
  </property>
  <property fmtid="{D5CDD505-2E9C-101B-9397-08002B2CF9AE}" pid="11" name="SDLStudio">
    <vt:lpwstr/>
  </property>
  <property fmtid="{D5CDD505-2E9C-101B-9397-08002B2CF9AE}" pid="12" name="&lt;Extension&gt;">
    <vt:lpwstr>RO</vt:lpwstr>
  </property>
  <property fmtid="{D5CDD505-2E9C-101B-9397-08002B2CF9AE}" pid="13" name="Bookout">
    <vt:lpwstr>OK - 2018/04/13 17:27</vt:lpwstr>
  </property>
</Properties>
</file>